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836E1D"/>
    <a:srgbClr val="EFD07F"/>
    <a:srgbClr val="E5C033"/>
    <a:srgbClr val="957C20"/>
    <a:srgbClr val="E1BB32"/>
    <a:srgbClr val="010101"/>
    <a:srgbClr val="FEEE3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92" autoAdjust="0"/>
    <p:restoredTop sz="94660"/>
  </p:normalViewPr>
  <p:slideViewPr>
    <p:cSldViewPr snapToGrid="0">
      <p:cViewPr varScale="1">
        <p:scale>
          <a:sx n="122" d="100"/>
          <a:sy n="122" d="100"/>
        </p:scale>
        <p:origin x="96" y="3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990800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147266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080273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8984318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861607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3022042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490779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464262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756953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330822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1259217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828F92-572F-4461-9D99-C50AA377340D}" type="datetimeFigureOut">
              <a:rPr lang="ro-RO" smtClean="0"/>
              <a:t>11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430E61-3E95-42B2-8C3A-64D5DE98268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8810874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1.jpe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1010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580" name="OTLSHAPE_M_76d9a456c0a64a44a84148636d816a90_Connector5"/>
          <p:cNvCxnSpPr/>
          <p:nvPr>
            <p:custDataLst>
              <p:tags r:id="rId2"/>
            </p:custDataLst>
          </p:nvPr>
        </p:nvCxnSpPr>
        <p:spPr>
          <a:xfrm>
            <a:off x="8184300" y="5076355"/>
            <a:ext cx="0" cy="257081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9" name="OTLSHAPE_M_76d9a456c0a64a44a84148636d816a90_Connector4"/>
          <p:cNvCxnSpPr/>
          <p:nvPr>
            <p:custDataLst>
              <p:tags r:id="rId3"/>
            </p:custDataLst>
          </p:nvPr>
        </p:nvCxnSpPr>
        <p:spPr>
          <a:xfrm>
            <a:off x="8184300" y="4465150"/>
            <a:ext cx="0" cy="425150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8" name="OTLSHAPE_M_76d9a456c0a64a44a84148636d816a90_Connector3"/>
          <p:cNvCxnSpPr/>
          <p:nvPr>
            <p:custDataLst>
              <p:tags r:id="rId4"/>
            </p:custDataLst>
          </p:nvPr>
        </p:nvCxnSpPr>
        <p:spPr>
          <a:xfrm>
            <a:off x="8184300" y="4032536"/>
            <a:ext cx="0" cy="246559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7" name="OTLSHAPE_M_76d9a456c0a64a44a84148636d816a90_Connector2"/>
          <p:cNvCxnSpPr/>
          <p:nvPr>
            <p:custDataLst>
              <p:tags r:id="rId5"/>
            </p:custDataLst>
          </p:nvPr>
        </p:nvCxnSpPr>
        <p:spPr>
          <a:xfrm>
            <a:off x="8184300" y="3635026"/>
            <a:ext cx="0" cy="25400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6" name="OTLSHAPE_M_76d9a456c0a64a44a84148636d816a90_Connector1"/>
          <p:cNvCxnSpPr/>
          <p:nvPr>
            <p:custDataLst>
              <p:tags r:id="rId6"/>
            </p:custDataLst>
          </p:nvPr>
        </p:nvCxnSpPr>
        <p:spPr>
          <a:xfrm>
            <a:off x="8184300" y="3416300"/>
            <a:ext cx="0" cy="63701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5" name="OTLSHAPE_M_0ce495fa8bc04e0f92458dd977c450d4_Connector1"/>
          <p:cNvCxnSpPr/>
          <p:nvPr>
            <p:custDataLst>
              <p:tags r:id="rId7"/>
            </p:custDataLst>
          </p:nvPr>
        </p:nvCxnSpPr>
        <p:spPr>
          <a:xfrm>
            <a:off x="7721652" y="3416300"/>
            <a:ext cx="0" cy="365369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4" name="OTLSHAPE_M_224baaed879145148dcf0efbf71304ec_Connector1"/>
          <p:cNvCxnSpPr/>
          <p:nvPr>
            <p:custDataLst>
              <p:tags r:id="rId8"/>
            </p:custDataLst>
          </p:nvPr>
        </p:nvCxnSpPr>
        <p:spPr>
          <a:xfrm>
            <a:off x="6854186" y="3416300"/>
            <a:ext cx="0" cy="1502215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3" name="OTLSHAPE_M_1e203ce84d5e4c4ba1100eed43355ed3_Connector1"/>
          <p:cNvCxnSpPr/>
          <p:nvPr>
            <p:custDataLst>
              <p:tags r:id="rId9"/>
            </p:custDataLst>
          </p:nvPr>
        </p:nvCxnSpPr>
        <p:spPr>
          <a:xfrm>
            <a:off x="6699970" y="3416300"/>
            <a:ext cx="0" cy="891010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2" name="OTLSHAPE_M_dc0d4955fc3c4f0a8dd54d0428b146e1_Connector1"/>
          <p:cNvCxnSpPr/>
          <p:nvPr>
            <p:custDataLst>
              <p:tags r:id="rId10"/>
            </p:custDataLst>
          </p:nvPr>
        </p:nvCxnSpPr>
        <p:spPr>
          <a:xfrm>
            <a:off x="6653705" y="3416300"/>
            <a:ext cx="0" cy="2312477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1" name="OTLSHAPE_M_b176f8276c9b4a09b3a8bb0b7f79d8b9_Connector1"/>
          <p:cNvCxnSpPr/>
          <p:nvPr>
            <p:custDataLst>
              <p:tags r:id="rId11"/>
            </p:custDataLst>
          </p:nvPr>
        </p:nvCxnSpPr>
        <p:spPr>
          <a:xfrm>
            <a:off x="6441658" y="3416300"/>
            <a:ext cx="0" cy="2985627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0" name="OTLSHAPE_M_381707fb38ec43c8bfc00b3fc4eb4cc9_Connector2"/>
          <p:cNvCxnSpPr/>
          <p:nvPr>
            <p:custDataLst>
              <p:tags r:id="rId12"/>
            </p:custDataLst>
          </p:nvPr>
        </p:nvCxnSpPr>
        <p:spPr>
          <a:xfrm>
            <a:off x="3789140" y="3846660"/>
            <a:ext cx="0" cy="1056892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9" name="OTLSHAPE_M_381707fb38ec43c8bfc00b3fc4eb4cc9_Connector1"/>
          <p:cNvCxnSpPr/>
          <p:nvPr>
            <p:custDataLst>
              <p:tags r:id="rId13"/>
            </p:custDataLst>
          </p:nvPr>
        </p:nvCxnSpPr>
        <p:spPr>
          <a:xfrm>
            <a:off x="3789140" y="3416300"/>
            <a:ext cx="0" cy="244305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8" name="OTLSHAPE_M_b608ffd5797d454bb5d7eaf526e8bdfb_Connector1"/>
          <p:cNvCxnSpPr/>
          <p:nvPr>
            <p:custDataLst>
              <p:tags r:id="rId14"/>
            </p:custDataLst>
          </p:nvPr>
        </p:nvCxnSpPr>
        <p:spPr>
          <a:xfrm>
            <a:off x="1013248" y="3416300"/>
            <a:ext cx="0" cy="272520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7" name="OTLSHAPE_M_3a796b5946ab43e583ef3d62275c39de_Connector2"/>
          <p:cNvCxnSpPr/>
          <p:nvPr>
            <p:custDataLst>
              <p:tags r:id="rId15"/>
            </p:custDataLst>
          </p:nvPr>
        </p:nvCxnSpPr>
        <p:spPr>
          <a:xfrm>
            <a:off x="7856591" y="2836178"/>
            <a:ext cx="0" cy="199122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6" name="OTLSHAPE_M_3a796b5946ab43e583ef3d62275c39de_Connector1"/>
          <p:cNvCxnSpPr/>
          <p:nvPr>
            <p:custDataLst>
              <p:tags r:id="rId16"/>
            </p:custDataLst>
          </p:nvPr>
        </p:nvCxnSpPr>
        <p:spPr>
          <a:xfrm>
            <a:off x="7856591" y="2208643"/>
            <a:ext cx="0" cy="441480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5" name="OTLSHAPE_M_df7c3215acee47b2bb4a250d3de05823_Connector2"/>
          <p:cNvCxnSpPr/>
          <p:nvPr>
            <p:custDataLst>
              <p:tags r:id="rId17"/>
            </p:custDataLst>
          </p:nvPr>
        </p:nvCxnSpPr>
        <p:spPr>
          <a:xfrm>
            <a:off x="7490328" y="2836178"/>
            <a:ext cx="0" cy="199122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4" name="OTLSHAPE_M_df7c3215acee47b2bb4a250d3de05823_Connector1"/>
          <p:cNvCxnSpPr/>
          <p:nvPr>
            <p:custDataLst>
              <p:tags r:id="rId18"/>
            </p:custDataLst>
          </p:nvPr>
        </p:nvCxnSpPr>
        <p:spPr>
          <a:xfrm>
            <a:off x="7490328" y="1522455"/>
            <a:ext cx="0" cy="1127668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3" name="OTLSHAPE_M_ac932eff862d43f3bffa461c3dfe8a6e_Connector4"/>
          <p:cNvCxnSpPr/>
          <p:nvPr>
            <p:custDataLst>
              <p:tags r:id="rId19"/>
            </p:custDataLst>
          </p:nvPr>
        </p:nvCxnSpPr>
        <p:spPr>
          <a:xfrm>
            <a:off x="6661416" y="3016603"/>
            <a:ext cx="0" cy="18697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2" name="OTLSHAPE_M_ac932eff862d43f3bffa461c3dfe8a6e_Connector3"/>
          <p:cNvCxnSpPr/>
          <p:nvPr>
            <p:custDataLst>
              <p:tags r:id="rId20"/>
            </p:custDataLst>
          </p:nvPr>
        </p:nvCxnSpPr>
        <p:spPr>
          <a:xfrm>
            <a:off x="6661416" y="2836178"/>
            <a:ext cx="0" cy="25400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1" name="OTLSHAPE_M_ac932eff862d43f3bffa461c3dfe8a6e_Connector2"/>
          <p:cNvCxnSpPr/>
          <p:nvPr>
            <p:custDataLst>
              <p:tags r:id="rId21"/>
            </p:custDataLst>
          </p:nvPr>
        </p:nvCxnSpPr>
        <p:spPr>
          <a:xfrm>
            <a:off x="6661416" y="2239035"/>
            <a:ext cx="0" cy="411088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0" name="OTLSHAPE_M_ac932eff862d43f3bffa461c3dfe8a6e_Connector1"/>
          <p:cNvCxnSpPr/>
          <p:nvPr>
            <p:custDataLst>
              <p:tags r:id="rId22"/>
            </p:custDataLst>
          </p:nvPr>
        </p:nvCxnSpPr>
        <p:spPr>
          <a:xfrm>
            <a:off x="6661416" y="686351"/>
            <a:ext cx="0" cy="1366629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9" name="OTLSHAPE_M_0d332adc8adf4095a3d9e3272e55b8b3_Connector1"/>
          <p:cNvCxnSpPr/>
          <p:nvPr>
            <p:custDataLst>
              <p:tags r:id="rId23"/>
            </p:custDataLst>
          </p:nvPr>
        </p:nvCxnSpPr>
        <p:spPr>
          <a:xfrm>
            <a:off x="6144792" y="2807963"/>
            <a:ext cx="0" cy="227337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8" name="OTLSHAPE_M_6778b5274c3142f3887c9d79be4f5720_Connector1"/>
          <p:cNvCxnSpPr/>
          <p:nvPr>
            <p:custDataLst>
              <p:tags r:id="rId24"/>
            </p:custDataLst>
          </p:nvPr>
        </p:nvCxnSpPr>
        <p:spPr>
          <a:xfrm>
            <a:off x="4020464" y="2210820"/>
            <a:ext cx="0" cy="824480"/>
          </a:xfrm>
          <a:prstGeom prst="line">
            <a:avLst/>
          </a:prstGeom>
          <a:ln w="9525" cap="flat" cmpd="sng" algn="ctr">
            <a:solidFill>
              <a:srgbClr val="EFD0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8" name="Picture 10267"/>
          <p:cNvPicPr>
            <a:picLocks noChangeAspect="1"/>
          </p:cNvPicPr>
          <p:nvPr/>
        </p:nvPicPr>
        <p:blipFill rotWithShape="1">
          <a:blip r:embed="rId1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7937" y="155463"/>
            <a:ext cx="3260639" cy="2928897"/>
          </a:xfrm>
          <a:prstGeom prst="rect">
            <a:avLst/>
          </a:prstGeom>
        </p:spPr>
      </p:pic>
      <p:sp>
        <p:nvSpPr>
          <p:cNvPr id="15509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254000" y="3086269"/>
            <a:ext cx="610039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0" smtClean="0">
                <a:solidFill>
                  <a:srgbClr val="EFD07F"/>
                </a:solidFill>
                <a:latin typeface="Calibri" panose="020F0502020204030204" pitchFamily="34" charset="0"/>
              </a:rPr>
              <a:t>Apr 25</a:t>
            </a:r>
            <a:endParaRPr lang="ro-RO" b="1" spc="-30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510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312102" y="3086269"/>
            <a:ext cx="610039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0" smtClean="0">
                <a:solidFill>
                  <a:srgbClr val="EFD07F"/>
                </a:solidFill>
                <a:latin typeface="Calibri" panose="020F0502020204030204" pitchFamily="34" charset="0"/>
              </a:rPr>
              <a:t>Apr 26</a:t>
            </a:r>
            <a:endParaRPr lang="ro-RO" b="1" spc="-30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511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1006898" y="3035300"/>
            <a:ext cx="10185400" cy="381000"/>
          </a:xfrm>
          <a:prstGeom prst="roundRect">
            <a:avLst>
              <a:gd name="adj" fmla="val 100000"/>
            </a:avLst>
          </a:prstGeom>
          <a:solidFill>
            <a:schemeClr val="tx1"/>
          </a:solidFill>
          <a:ln w="12700" cap="flat" cmpd="sng" algn="ctr">
            <a:solidFill>
              <a:srgbClr val="836E1D"/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512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513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952470" y="34163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514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1006898" y="35433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15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1070398" y="3117279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1 a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16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1932131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7" name="OTLSHAPE_TB_00000000000000000000000000000000_MinorTickMarkAbove1"/>
          <p:cNvCxnSpPr/>
          <p:nvPr>
            <p:custDataLst>
              <p:tags r:id="rId33"/>
            </p:custDataLst>
          </p:nvPr>
        </p:nvCxnSpPr>
        <p:spPr>
          <a:xfrm>
            <a:off x="1469515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8" name="OTLSHAPE_TB_00000000000000000000000000000000_MinorTickMarkBelow1"/>
          <p:cNvCxnSpPr/>
          <p:nvPr>
            <p:custDataLst>
              <p:tags r:id="rId34"/>
            </p:custDataLst>
          </p:nvPr>
        </p:nvCxnSpPr>
        <p:spPr>
          <a:xfrm>
            <a:off x="1469515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19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1995695" y="3117279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5 a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20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2857428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1" name="OTLSHAPE_TB_00000000000000000000000000000000_MinorTickMarkAbove2"/>
          <p:cNvCxnSpPr/>
          <p:nvPr>
            <p:custDataLst>
              <p:tags r:id="rId37"/>
            </p:custDataLst>
          </p:nvPr>
        </p:nvCxnSpPr>
        <p:spPr>
          <a:xfrm>
            <a:off x="2394812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2" name="OTLSHAPE_TB_00000000000000000000000000000000_MinorTickMarkBelow2"/>
          <p:cNvCxnSpPr/>
          <p:nvPr>
            <p:custDataLst>
              <p:tags r:id="rId38"/>
            </p:custDataLst>
          </p:nvPr>
        </p:nvCxnSpPr>
        <p:spPr>
          <a:xfrm>
            <a:off x="2394812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23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2920992" y="3117279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9 a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24" name="OTLSHAPE_TB_00000000000000000000000000000000_Separator3"/>
          <p:cNvCxnSpPr/>
          <p:nvPr>
            <p:custDataLst>
              <p:tags r:id="rId40"/>
            </p:custDataLst>
          </p:nvPr>
        </p:nvCxnSpPr>
        <p:spPr>
          <a:xfrm>
            <a:off x="3782725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5" name="OTLSHAPE_TB_00000000000000000000000000000000_MinorTickMarkAbove3"/>
          <p:cNvCxnSpPr/>
          <p:nvPr>
            <p:custDataLst>
              <p:tags r:id="rId41"/>
            </p:custDataLst>
          </p:nvPr>
        </p:nvCxnSpPr>
        <p:spPr>
          <a:xfrm>
            <a:off x="3320109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6" name="OTLSHAPE_TB_00000000000000000000000000000000_MinorTickMarkBelow3"/>
          <p:cNvCxnSpPr/>
          <p:nvPr>
            <p:custDataLst>
              <p:tags r:id="rId42"/>
            </p:custDataLst>
          </p:nvPr>
        </p:nvCxnSpPr>
        <p:spPr>
          <a:xfrm>
            <a:off x="3320109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27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3846290" y="3117279"/>
            <a:ext cx="36631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1 p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28" name="OTLSHAPE_TB_00000000000000000000000000000000_Separator4"/>
          <p:cNvCxnSpPr/>
          <p:nvPr>
            <p:custDataLst>
              <p:tags r:id="rId44"/>
            </p:custDataLst>
          </p:nvPr>
        </p:nvCxnSpPr>
        <p:spPr>
          <a:xfrm>
            <a:off x="4708022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9" name="OTLSHAPE_TB_00000000000000000000000000000000_MinorTickMarkAbove4"/>
          <p:cNvCxnSpPr/>
          <p:nvPr>
            <p:custDataLst>
              <p:tags r:id="rId45"/>
            </p:custDataLst>
          </p:nvPr>
        </p:nvCxnSpPr>
        <p:spPr>
          <a:xfrm>
            <a:off x="4245406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30" name="OTLSHAPE_TB_00000000000000000000000000000000_MinorTickMarkBelow4"/>
          <p:cNvCxnSpPr/>
          <p:nvPr>
            <p:custDataLst>
              <p:tags r:id="rId46"/>
            </p:custDataLst>
          </p:nvPr>
        </p:nvCxnSpPr>
        <p:spPr>
          <a:xfrm>
            <a:off x="4245406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31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4771587" y="3117279"/>
            <a:ext cx="36631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5 p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32" name="OTLSHAPE_TB_00000000000000000000000000000000_Separator5"/>
          <p:cNvCxnSpPr/>
          <p:nvPr>
            <p:custDataLst>
              <p:tags r:id="rId48"/>
            </p:custDataLst>
          </p:nvPr>
        </p:nvCxnSpPr>
        <p:spPr>
          <a:xfrm>
            <a:off x="5633319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33" name="OTLSHAPE_TB_00000000000000000000000000000000_MinorTickMarkAbove5"/>
          <p:cNvCxnSpPr/>
          <p:nvPr>
            <p:custDataLst>
              <p:tags r:id="rId49"/>
            </p:custDataLst>
          </p:nvPr>
        </p:nvCxnSpPr>
        <p:spPr>
          <a:xfrm>
            <a:off x="5170703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34" name="OTLSHAPE_TB_00000000000000000000000000000000_MinorTickMarkBelow5"/>
          <p:cNvCxnSpPr/>
          <p:nvPr>
            <p:custDataLst>
              <p:tags r:id="rId50"/>
            </p:custDataLst>
          </p:nvPr>
        </p:nvCxnSpPr>
        <p:spPr>
          <a:xfrm>
            <a:off x="5170703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35" name="OTLSHAPE_TB_00000000000000000000000000000000_TimescaleInterval6"/>
          <p:cNvSpPr txBox="1"/>
          <p:nvPr>
            <p:custDataLst>
              <p:tags r:id="rId51"/>
            </p:custDataLst>
          </p:nvPr>
        </p:nvSpPr>
        <p:spPr>
          <a:xfrm>
            <a:off x="5696884" y="3117279"/>
            <a:ext cx="36631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9 p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36" name="OTLSHAPE_TB_00000000000000000000000000000000_Separator6"/>
          <p:cNvCxnSpPr/>
          <p:nvPr>
            <p:custDataLst>
              <p:tags r:id="rId52"/>
            </p:custDataLst>
          </p:nvPr>
        </p:nvCxnSpPr>
        <p:spPr>
          <a:xfrm>
            <a:off x="6558617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37" name="OTLSHAPE_TB_00000000000000000000000000000000_MinorTickMarkAbove6"/>
          <p:cNvCxnSpPr/>
          <p:nvPr>
            <p:custDataLst>
              <p:tags r:id="rId53"/>
            </p:custDataLst>
          </p:nvPr>
        </p:nvCxnSpPr>
        <p:spPr>
          <a:xfrm>
            <a:off x="6096000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38" name="OTLSHAPE_TB_00000000000000000000000000000000_MinorTickMarkBelow6"/>
          <p:cNvCxnSpPr/>
          <p:nvPr>
            <p:custDataLst>
              <p:tags r:id="rId54"/>
            </p:custDataLst>
          </p:nvPr>
        </p:nvCxnSpPr>
        <p:spPr>
          <a:xfrm>
            <a:off x="6096000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39" name="OTLSHAPE_TB_00000000000000000000000000000000_TimescaleInterval7"/>
          <p:cNvSpPr txBox="1"/>
          <p:nvPr>
            <p:custDataLst>
              <p:tags r:id="rId55"/>
            </p:custDataLst>
          </p:nvPr>
        </p:nvSpPr>
        <p:spPr>
          <a:xfrm>
            <a:off x="6622180" y="3117279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1 a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40" name="OTLSHAPE_TB_00000000000000000000000000000000_Separator7"/>
          <p:cNvCxnSpPr/>
          <p:nvPr>
            <p:custDataLst>
              <p:tags r:id="rId56"/>
            </p:custDataLst>
          </p:nvPr>
        </p:nvCxnSpPr>
        <p:spPr>
          <a:xfrm>
            <a:off x="7483914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1" name="OTLSHAPE_TB_00000000000000000000000000000000_MinorTickMarkAbove7"/>
          <p:cNvCxnSpPr/>
          <p:nvPr>
            <p:custDataLst>
              <p:tags r:id="rId57"/>
            </p:custDataLst>
          </p:nvPr>
        </p:nvCxnSpPr>
        <p:spPr>
          <a:xfrm>
            <a:off x="7021297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2" name="OTLSHAPE_TB_00000000000000000000000000000000_MinorTickMarkBelow7"/>
          <p:cNvCxnSpPr/>
          <p:nvPr>
            <p:custDataLst>
              <p:tags r:id="rId58"/>
            </p:custDataLst>
          </p:nvPr>
        </p:nvCxnSpPr>
        <p:spPr>
          <a:xfrm>
            <a:off x="7021297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43" name="OTLSHAPE_TB_00000000000000000000000000000000_TimescaleInterval8"/>
          <p:cNvSpPr txBox="1"/>
          <p:nvPr>
            <p:custDataLst>
              <p:tags r:id="rId59"/>
            </p:custDataLst>
          </p:nvPr>
        </p:nvSpPr>
        <p:spPr>
          <a:xfrm>
            <a:off x="7547478" y="3117279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5 a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44" name="OTLSHAPE_TB_00000000000000000000000000000000_Separator8"/>
          <p:cNvCxnSpPr/>
          <p:nvPr>
            <p:custDataLst>
              <p:tags r:id="rId60"/>
            </p:custDataLst>
          </p:nvPr>
        </p:nvCxnSpPr>
        <p:spPr>
          <a:xfrm>
            <a:off x="8409211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5" name="OTLSHAPE_TB_00000000000000000000000000000000_MinorTickMarkAbove8"/>
          <p:cNvCxnSpPr/>
          <p:nvPr>
            <p:custDataLst>
              <p:tags r:id="rId61"/>
            </p:custDataLst>
          </p:nvPr>
        </p:nvCxnSpPr>
        <p:spPr>
          <a:xfrm>
            <a:off x="7946594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6" name="OTLSHAPE_TB_00000000000000000000000000000000_MinorTickMarkBelow8"/>
          <p:cNvCxnSpPr/>
          <p:nvPr>
            <p:custDataLst>
              <p:tags r:id="rId62"/>
            </p:custDataLst>
          </p:nvPr>
        </p:nvCxnSpPr>
        <p:spPr>
          <a:xfrm>
            <a:off x="7946594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47" name="OTLSHAPE_TB_00000000000000000000000000000000_TimescaleInterval9"/>
          <p:cNvSpPr txBox="1"/>
          <p:nvPr>
            <p:custDataLst>
              <p:tags r:id="rId63"/>
            </p:custDataLst>
          </p:nvPr>
        </p:nvSpPr>
        <p:spPr>
          <a:xfrm>
            <a:off x="8472775" y="3117279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9 a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48" name="OTLSHAPE_TB_00000000000000000000000000000000_Separator9"/>
          <p:cNvCxnSpPr/>
          <p:nvPr>
            <p:custDataLst>
              <p:tags r:id="rId64"/>
            </p:custDataLst>
          </p:nvPr>
        </p:nvCxnSpPr>
        <p:spPr>
          <a:xfrm>
            <a:off x="9334508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9" name="OTLSHAPE_TB_00000000000000000000000000000000_MinorTickMarkAbove9"/>
          <p:cNvCxnSpPr/>
          <p:nvPr>
            <p:custDataLst>
              <p:tags r:id="rId65"/>
            </p:custDataLst>
          </p:nvPr>
        </p:nvCxnSpPr>
        <p:spPr>
          <a:xfrm>
            <a:off x="8871891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0" name="OTLSHAPE_TB_00000000000000000000000000000000_MinorTickMarkBelow9"/>
          <p:cNvCxnSpPr/>
          <p:nvPr>
            <p:custDataLst>
              <p:tags r:id="rId66"/>
            </p:custDataLst>
          </p:nvPr>
        </p:nvCxnSpPr>
        <p:spPr>
          <a:xfrm>
            <a:off x="8871891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51" name="OTLSHAPE_TB_00000000000000000000000000000000_TimescaleInterval10"/>
          <p:cNvSpPr txBox="1"/>
          <p:nvPr>
            <p:custDataLst>
              <p:tags r:id="rId67"/>
            </p:custDataLst>
          </p:nvPr>
        </p:nvSpPr>
        <p:spPr>
          <a:xfrm>
            <a:off x="9398072" y="3117279"/>
            <a:ext cx="36631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1 p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52" name="OTLSHAPE_TB_00000000000000000000000000000000_Separator10"/>
          <p:cNvCxnSpPr/>
          <p:nvPr>
            <p:custDataLst>
              <p:tags r:id="rId68"/>
            </p:custDataLst>
          </p:nvPr>
        </p:nvCxnSpPr>
        <p:spPr>
          <a:xfrm>
            <a:off x="10259805" y="3035300"/>
            <a:ext cx="0" cy="381000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3" name="OTLSHAPE_TB_00000000000000000000000000000000_MinorTickMarkAbove10"/>
          <p:cNvCxnSpPr/>
          <p:nvPr>
            <p:custDataLst>
              <p:tags r:id="rId69"/>
            </p:custDataLst>
          </p:nvPr>
        </p:nvCxnSpPr>
        <p:spPr>
          <a:xfrm>
            <a:off x="9797188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4" name="OTLSHAPE_TB_00000000000000000000000000000000_MinorTickMarkBelow10"/>
          <p:cNvCxnSpPr/>
          <p:nvPr>
            <p:custDataLst>
              <p:tags r:id="rId70"/>
            </p:custDataLst>
          </p:nvPr>
        </p:nvCxnSpPr>
        <p:spPr>
          <a:xfrm>
            <a:off x="9797188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55" name="OTLSHAPE_TB_00000000000000000000000000000000_TimescaleInterval11"/>
          <p:cNvSpPr txBox="1"/>
          <p:nvPr>
            <p:custDataLst>
              <p:tags r:id="rId71"/>
            </p:custDataLst>
          </p:nvPr>
        </p:nvSpPr>
        <p:spPr>
          <a:xfrm>
            <a:off x="10323369" y="3117279"/>
            <a:ext cx="36631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2" smtClean="0">
                <a:solidFill>
                  <a:srgbClr val="EFD07F"/>
                </a:solidFill>
                <a:latin typeface="Calibri" panose="020F0502020204030204" pitchFamily="34" charset="0"/>
              </a:rPr>
              <a:t>5 pm</a:t>
            </a:r>
            <a:endParaRPr lang="ro-RO" sz="1400" b="1" spc="-22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cxnSp>
        <p:nvCxnSpPr>
          <p:cNvPr id="15556" name="OTLSHAPE_TB_00000000000000000000000000000000_MinorTickMarkAbove11"/>
          <p:cNvCxnSpPr/>
          <p:nvPr>
            <p:custDataLst>
              <p:tags r:id="rId72"/>
            </p:custDataLst>
          </p:nvPr>
        </p:nvCxnSpPr>
        <p:spPr>
          <a:xfrm>
            <a:off x="10722485" y="3035300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7" name="OTLSHAPE_TB_00000000000000000000000000000000_MinorTickMarkBelow11"/>
          <p:cNvCxnSpPr/>
          <p:nvPr>
            <p:custDataLst>
              <p:tags r:id="rId73"/>
            </p:custDataLst>
          </p:nvPr>
        </p:nvCxnSpPr>
        <p:spPr>
          <a:xfrm>
            <a:off x="10722485" y="3368675"/>
            <a:ext cx="0" cy="47625"/>
          </a:xfrm>
          <a:prstGeom prst="line">
            <a:avLst/>
          </a:prstGeom>
          <a:ln w="6350" cap="flat" cmpd="sng" algn="ctr">
            <a:solidFill>
              <a:srgbClr val="EFD07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81" name="OTLSHAPE_M_6778b5274c3142f3887c9d79be4f5720_Title"/>
          <p:cNvSpPr txBox="1"/>
          <p:nvPr>
            <p:custDataLst>
              <p:tags r:id="rId74"/>
            </p:custDataLst>
          </p:nvPr>
        </p:nvSpPr>
        <p:spPr>
          <a:xfrm>
            <a:off x="4179214" y="2052980"/>
            <a:ext cx="273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4" smtClean="0">
                <a:solidFill>
                  <a:srgbClr val="E5C033"/>
                </a:solidFill>
                <a:latin typeface="Calibri" panose="020F0502020204030204" pitchFamily="34" charset="0"/>
              </a:rPr>
              <a:t>Emergency core cooling system switched off</a:t>
            </a:r>
            <a:endParaRPr lang="ro-RO" sz="1200" spc="-4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582" name="OTLSHAPE_M_6778b5274c3142f3887c9d79be4f5720_Date"/>
          <p:cNvSpPr txBox="1"/>
          <p:nvPr>
            <p:custDataLst>
              <p:tags r:id="rId75"/>
            </p:custDataLst>
          </p:nvPr>
        </p:nvSpPr>
        <p:spPr>
          <a:xfrm>
            <a:off x="4179214" y="2264435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5, 2:00 p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583" name="OTLSHAPE_M_6778b5274c3142f3887c9d79be4f5720_Shape"/>
          <p:cNvSpPr/>
          <p:nvPr>
            <p:custDataLst>
              <p:tags r:id="rId76"/>
            </p:custDataLst>
          </p:nvPr>
        </p:nvSpPr>
        <p:spPr>
          <a:xfrm rot="16200000">
            <a:off x="4045864" y="2210820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584" name="OTLSHAPE_M_0d332adc8adf4095a3d9e3272e55b8b3_Title"/>
          <p:cNvSpPr txBox="1"/>
          <p:nvPr>
            <p:custDataLst>
              <p:tags r:id="rId77"/>
            </p:custDataLst>
          </p:nvPr>
        </p:nvSpPr>
        <p:spPr>
          <a:xfrm>
            <a:off x="6303542" y="2650123"/>
            <a:ext cx="290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4" smtClean="0">
                <a:solidFill>
                  <a:srgbClr val="E5C033"/>
                </a:solidFill>
                <a:latin typeface="Calibri" panose="020F0502020204030204" pitchFamily="34" charset="0"/>
              </a:rPr>
              <a:t>Less-experienced night shift takes over the test</a:t>
            </a:r>
            <a:endParaRPr lang="ro-RO" sz="1200" spc="-4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585" name="OTLSHAPE_M_0d332adc8adf4095a3d9e3272e55b8b3_Date"/>
          <p:cNvSpPr txBox="1"/>
          <p:nvPr>
            <p:custDataLst>
              <p:tags r:id="rId78"/>
            </p:custDataLst>
          </p:nvPr>
        </p:nvSpPr>
        <p:spPr>
          <a:xfrm>
            <a:off x="6303542" y="2861578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5, 11:11 p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586" name="OTLSHAPE_M_0d332adc8adf4095a3d9e3272e55b8b3_Shape"/>
          <p:cNvSpPr/>
          <p:nvPr>
            <p:custDataLst>
              <p:tags r:id="rId79"/>
            </p:custDataLst>
          </p:nvPr>
        </p:nvSpPr>
        <p:spPr>
          <a:xfrm rot="16200000">
            <a:off x="6170192" y="2807963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587" name="OTLSHAPE_M_ac932eff862d43f3bffa461c3dfe8a6e_Title"/>
          <p:cNvSpPr txBox="1"/>
          <p:nvPr>
            <p:custDataLst>
              <p:tags r:id="rId80"/>
            </p:custDataLst>
          </p:nvPr>
        </p:nvSpPr>
        <p:spPr>
          <a:xfrm>
            <a:off x="6820166" y="528511"/>
            <a:ext cx="59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spc="-10" smtClean="0">
                <a:solidFill>
                  <a:srgbClr val="E5C033"/>
                </a:solidFill>
                <a:latin typeface="Calibri" panose="020F0502020204030204" pitchFamily="34" charset="0"/>
              </a:rPr>
              <a:t>Explosion</a:t>
            </a:r>
            <a:endParaRPr lang="ro-RO" sz="1200" spc="-10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588" name="OTLSHAPE_M_ac932eff862d43f3bffa461c3dfe8a6e_Date"/>
          <p:cNvSpPr txBox="1"/>
          <p:nvPr>
            <p:custDataLst>
              <p:tags r:id="rId81"/>
            </p:custDataLst>
          </p:nvPr>
        </p:nvSpPr>
        <p:spPr>
          <a:xfrm>
            <a:off x="6820166" y="73996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1:25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589" name="OTLSHAPE_M_ac932eff862d43f3bffa461c3dfe8a6e_Shape"/>
          <p:cNvSpPr/>
          <p:nvPr>
            <p:custDataLst>
              <p:tags r:id="rId82"/>
            </p:custDataLst>
          </p:nvPr>
        </p:nvSpPr>
        <p:spPr>
          <a:xfrm rot="16200000">
            <a:off x="6686816" y="686351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590" name="OTLSHAPE_M_df7c3215acee47b2bb4a250d3de05823_Title"/>
          <p:cNvSpPr txBox="1"/>
          <p:nvPr>
            <p:custDataLst>
              <p:tags r:id="rId83"/>
            </p:custDataLst>
          </p:nvPr>
        </p:nvSpPr>
        <p:spPr>
          <a:xfrm>
            <a:off x="7649078" y="1364615"/>
            <a:ext cx="233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E5C033"/>
                </a:solidFill>
                <a:latin typeface="Calibri" panose="020F0502020204030204" pitchFamily="34" charset="0"/>
              </a:rPr>
              <a:t>Officials shut down the other reactors</a:t>
            </a:r>
            <a:endParaRPr lang="ro-RO" sz="1200" spc="-4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591" name="OTLSHAPE_M_df7c3215acee47b2bb4a250d3de05823_Date"/>
          <p:cNvSpPr txBox="1"/>
          <p:nvPr>
            <p:custDataLst>
              <p:tags r:id="rId84"/>
            </p:custDataLst>
          </p:nvPr>
        </p:nvSpPr>
        <p:spPr>
          <a:xfrm>
            <a:off x="7649078" y="1576070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5:00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592" name="OTLSHAPE_M_df7c3215acee47b2bb4a250d3de05823_Shape"/>
          <p:cNvSpPr/>
          <p:nvPr>
            <p:custDataLst>
              <p:tags r:id="rId85"/>
            </p:custDataLst>
          </p:nvPr>
        </p:nvSpPr>
        <p:spPr>
          <a:xfrm rot="16200000">
            <a:off x="7515728" y="1522455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593" name="OTLSHAPE_M_3a796b5946ab43e583ef3d62275c39de_Title"/>
          <p:cNvSpPr txBox="1"/>
          <p:nvPr>
            <p:custDataLst>
              <p:tags r:id="rId86"/>
            </p:custDataLst>
          </p:nvPr>
        </p:nvSpPr>
        <p:spPr>
          <a:xfrm>
            <a:off x="8015341" y="2050803"/>
            <a:ext cx="273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E5C033"/>
                </a:solidFill>
                <a:latin typeface="Calibri" panose="020F0502020204030204" pitchFamily="34" charset="0"/>
              </a:rPr>
              <a:t>All fire extinguished, except inside Reactor 4</a:t>
            </a:r>
            <a:endParaRPr lang="ro-RO" sz="1200" spc="-4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594" name="OTLSHAPE_M_3a796b5946ab43e583ef3d62275c39de_Date"/>
          <p:cNvSpPr txBox="1"/>
          <p:nvPr>
            <p:custDataLst>
              <p:tags r:id="rId87"/>
            </p:custDataLst>
          </p:nvPr>
        </p:nvSpPr>
        <p:spPr>
          <a:xfrm>
            <a:off x="8015341" y="226225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6:35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595" name="OTLSHAPE_M_3a796b5946ab43e583ef3d62275c39de_Shape"/>
          <p:cNvSpPr/>
          <p:nvPr>
            <p:custDataLst>
              <p:tags r:id="rId88"/>
            </p:custDataLst>
          </p:nvPr>
        </p:nvSpPr>
        <p:spPr>
          <a:xfrm rot="16200000">
            <a:off x="7881991" y="2208643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596" name="OTLSHAPE_M_48b3aff0526a40eca2162087e77831ec_Title"/>
          <p:cNvSpPr txBox="1"/>
          <p:nvPr>
            <p:custDataLst>
              <p:tags r:id="rId89"/>
            </p:custDataLst>
          </p:nvPr>
        </p:nvSpPr>
        <p:spPr>
          <a:xfrm>
            <a:off x="10099661" y="2461008"/>
            <a:ext cx="1701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mtClean="0">
                <a:solidFill>
                  <a:srgbClr val="E5C033"/>
                </a:solidFill>
                <a:latin typeface="Calibri" panose="020F0502020204030204" pitchFamily="34" charset="0"/>
              </a:rPr>
              <a:t>A gov. committee, led by V. Legasov, is sent</a:t>
            </a:r>
            <a:endParaRPr lang="ro-RO" sz="1200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597" name="OTLSHAPE_M_48b3aff0526a40eca2162087e77831ec_Date"/>
          <p:cNvSpPr txBox="1"/>
          <p:nvPr>
            <p:custDataLst>
              <p:tags r:id="rId90"/>
            </p:custDataLst>
          </p:nvPr>
        </p:nvSpPr>
        <p:spPr>
          <a:xfrm>
            <a:off x="10534297" y="2858518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8:00 p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598" name="OTLSHAPE_M_48b3aff0526a40eca2162087e77831ec_Shape"/>
          <p:cNvSpPr/>
          <p:nvPr>
            <p:custDataLst>
              <p:tags r:id="rId91"/>
            </p:custDataLst>
          </p:nvPr>
        </p:nvSpPr>
        <p:spPr>
          <a:xfrm>
            <a:off x="10877641" y="2921000"/>
            <a:ext cx="152400" cy="177800"/>
          </a:xfrm>
          <a:prstGeom prst="diamond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599" name="OTLSHAPE_M_b608ffd5797d454bb5d7eaf526e8bdfb_Title"/>
          <p:cNvSpPr txBox="1"/>
          <p:nvPr>
            <p:custDataLst>
              <p:tags r:id="rId92"/>
            </p:custDataLst>
          </p:nvPr>
        </p:nvSpPr>
        <p:spPr>
          <a:xfrm>
            <a:off x="1171998" y="3660605"/>
            <a:ext cx="3060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" smtClean="0">
                <a:solidFill>
                  <a:srgbClr val="E5C033"/>
                </a:solidFill>
                <a:latin typeface="Calibri" panose="020F0502020204030204" pitchFamily="34" charset="0"/>
              </a:rPr>
              <a:t>Test on Reactor #4 begins (supervised by Dyatlov)</a:t>
            </a:r>
            <a:endParaRPr lang="ro-RO" sz="1200" spc="-2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600" name="OTLSHAPE_M_b608ffd5797d454bb5d7eaf526e8bdfb_Date"/>
          <p:cNvSpPr txBox="1"/>
          <p:nvPr>
            <p:custDataLst>
              <p:tags r:id="rId93"/>
            </p:custDataLst>
          </p:nvPr>
        </p:nvSpPr>
        <p:spPr>
          <a:xfrm>
            <a:off x="1171998" y="3480180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5, 1:00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601" name="OTLSHAPE_M_b608ffd5797d454bb5d7eaf526e8bdfb_Shape"/>
          <p:cNvSpPr/>
          <p:nvPr>
            <p:custDataLst>
              <p:tags r:id="rId94"/>
            </p:custDataLst>
          </p:nvPr>
        </p:nvSpPr>
        <p:spPr>
          <a:xfrm rot="16200000">
            <a:off x="1038648" y="3587220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602" name="OTLSHAPE_M_381707fb38ec43c8bfc00b3fc4eb4cc9_Title"/>
          <p:cNvSpPr txBox="1"/>
          <p:nvPr>
            <p:custDataLst>
              <p:tags r:id="rId95"/>
            </p:custDataLst>
          </p:nvPr>
        </p:nvSpPr>
        <p:spPr>
          <a:xfrm>
            <a:off x="3947890" y="4875337"/>
            <a:ext cx="224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4" smtClean="0">
                <a:solidFill>
                  <a:srgbClr val="E5C033"/>
                </a:solidFill>
                <a:latin typeface="Calibri" panose="020F0502020204030204" pitchFamily="34" charset="0"/>
              </a:rPr>
              <a:t>The reactor's power reduced to 50%</a:t>
            </a:r>
            <a:endParaRPr lang="ro-RO" sz="1200" spc="-4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603" name="OTLSHAPE_M_381707fb38ec43c8bfc00b3fc4eb4cc9_Date"/>
          <p:cNvSpPr txBox="1"/>
          <p:nvPr>
            <p:custDataLst>
              <p:tags r:id="rId96"/>
            </p:custDataLst>
          </p:nvPr>
        </p:nvSpPr>
        <p:spPr>
          <a:xfrm>
            <a:off x="3947890" y="4694912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5, 1:00 p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604" name="OTLSHAPE_M_381707fb38ec43c8bfc00b3fc4eb4cc9_Shape"/>
          <p:cNvSpPr/>
          <p:nvPr>
            <p:custDataLst>
              <p:tags r:id="rId97"/>
            </p:custDataLst>
          </p:nvPr>
        </p:nvSpPr>
        <p:spPr>
          <a:xfrm rot="16200000">
            <a:off x="3814540" y="4801952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605" name="OTLSHAPE_M_b176f8276c9b4a09b3a8bb0b7f79d8b9_Title"/>
          <p:cNvSpPr txBox="1"/>
          <p:nvPr>
            <p:custDataLst>
              <p:tags r:id="rId98"/>
            </p:custDataLst>
          </p:nvPr>
        </p:nvSpPr>
        <p:spPr>
          <a:xfrm>
            <a:off x="6600408" y="6373712"/>
            <a:ext cx="300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" smtClean="0">
                <a:solidFill>
                  <a:srgbClr val="E5C033"/>
                </a:solidFill>
                <a:latin typeface="Calibri" panose="020F0502020204030204" pitchFamily="34" charset="0"/>
              </a:rPr>
              <a:t>Control rods withdrawn against safety guidelines</a:t>
            </a:r>
            <a:endParaRPr lang="ro-RO" sz="1200" spc="-2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606" name="OTLSHAPE_M_b176f8276c9b4a09b3a8bb0b7f79d8b9_Date"/>
          <p:cNvSpPr txBox="1"/>
          <p:nvPr>
            <p:custDataLst>
              <p:tags r:id="rId99"/>
            </p:custDataLst>
          </p:nvPr>
        </p:nvSpPr>
        <p:spPr>
          <a:xfrm>
            <a:off x="6600408" y="6193287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12:28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607" name="OTLSHAPE_M_b176f8276c9b4a09b3a8bb0b7f79d8b9_Shape"/>
          <p:cNvSpPr/>
          <p:nvPr>
            <p:custDataLst>
              <p:tags r:id="rId100"/>
            </p:custDataLst>
          </p:nvPr>
        </p:nvSpPr>
        <p:spPr>
          <a:xfrm rot="16200000">
            <a:off x="6467058" y="6300327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608" name="OTLSHAPE_M_dc0d4955fc3c4f0a8dd54d0428b146e1_Title"/>
          <p:cNvSpPr txBox="1"/>
          <p:nvPr>
            <p:custDataLst>
              <p:tags r:id="rId101"/>
            </p:custDataLst>
          </p:nvPr>
        </p:nvSpPr>
        <p:spPr>
          <a:xfrm>
            <a:off x="6812455" y="5700562"/>
            <a:ext cx="307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4" smtClean="0">
                <a:solidFill>
                  <a:srgbClr val="E5C033"/>
                </a:solidFill>
                <a:latin typeface="Calibri" panose="020F0502020204030204" pitchFamily="34" charset="0"/>
              </a:rPr>
              <a:t>Unexpected power surge occurs, control rods jam</a:t>
            </a:r>
            <a:endParaRPr lang="ro-RO" sz="1200" spc="-4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609" name="OTLSHAPE_M_dc0d4955fc3c4f0a8dd54d0428b146e1_Date"/>
          <p:cNvSpPr txBox="1"/>
          <p:nvPr>
            <p:custDataLst>
              <p:tags r:id="rId102"/>
            </p:custDataLst>
          </p:nvPr>
        </p:nvSpPr>
        <p:spPr>
          <a:xfrm>
            <a:off x="6812455" y="5520137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1:23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610" name="OTLSHAPE_M_dc0d4955fc3c4f0a8dd54d0428b146e1_Shape"/>
          <p:cNvSpPr/>
          <p:nvPr>
            <p:custDataLst>
              <p:tags r:id="rId103"/>
            </p:custDataLst>
          </p:nvPr>
        </p:nvSpPr>
        <p:spPr>
          <a:xfrm rot="16200000">
            <a:off x="6679105" y="5627177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611" name="OTLSHAPE_M_1e203ce84d5e4c4ba1100eed43355ed3_Title"/>
          <p:cNvSpPr txBox="1"/>
          <p:nvPr>
            <p:custDataLst>
              <p:tags r:id="rId104"/>
            </p:custDataLst>
          </p:nvPr>
        </p:nvSpPr>
        <p:spPr>
          <a:xfrm>
            <a:off x="6858720" y="4279095"/>
            <a:ext cx="275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E5C033"/>
                </a:solidFill>
                <a:latin typeface="Calibri" panose="020F0502020204030204" pitchFamily="34" charset="0"/>
              </a:rPr>
              <a:t>Arrival of firefighters (no protective clothing)</a:t>
            </a:r>
            <a:endParaRPr lang="ro-RO" sz="1200" spc="-2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612" name="OTLSHAPE_M_1e203ce84d5e4c4ba1100eed43355ed3_Date"/>
          <p:cNvSpPr txBox="1"/>
          <p:nvPr>
            <p:custDataLst>
              <p:tags r:id="rId105"/>
            </p:custDataLst>
          </p:nvPr>
        </p:nvSpPr>
        <p:spPr>
          <a:xfrm>
            <a:off x="6858720" y="4098670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1:35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613" name="OTLSHAPE_M_1e203ce84d5e4c4ba1100eed43355ed3_Shape"/>
          <p:cNvSpPr/>
          <p:nvPr>
            <p:custDataLst>
              <p:tags r:id="rId106"/>
            </p:custDataLst>
          </p:nvPr>
        </p:nvSpPr>
        <p:spPr>
          <a:xfrm rot="16200000">
            <a:off x="6725370" y="4205710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614" name="OTLSHAPE_M_224baaed879145148dcf0efbf71304ec_Title"/>
          <p:cNvSpPr txBox="1"/>
          <p:nvPr>
            <p:custDataLst>
              <p:tags r:id="rId107"/>
            </p:custDataLst>
          </p:nvPr>
        </p:nvSpPr>
        <p:spPr>
          <a:xfrm>
            <a:off x="7012936" y="4890300"/>
            <a:ext cx="2413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dirty="0" smtClean="0">
                <a:solidFill>
                  <a:srgbClr val="E5C033"/>
                </a:solidFill>
                <a:latin typeface="Calibri" panose="020F0502020204030204" pitchFamily="34" charset="0"/>
              </a:rPr>
              <a:t>Local Soviet officials impose road block</a:t>
            </a:r>
            <a:endParaRPr lang="ro-RO" sz="1200" spc="-4" dirty="0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615" name="OTLSHAPE_M_224baaed879145148dcf0efbf71304ec_Date"/>
          <p:cNvSpPr txBox="1"/>
          <p:nvPr>
            <p:custDataLst>
              <p:tags r:id="rId108"/>
            </p:custDataLst>
          </p:nvPr>
        </p:nvSpPr>
        <p:spPr>
          <a:xfrm>
            <a:off x="7012936" y="470987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2:15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616" name="OTLSHAPE_M_224baaed879145148dcf0efbf71304ec_Shape"/>
          <p:cNvSpPr/>
          <p:nvPr>
            <p:custDataLst>
              <p:tags r:id="rId109"/>
            </p:custDataLst>
          </p:nvPr>
        </p:nvSpPr>
        <p:spPr>
          <a:xfrm rot="16200000">
            <a:off x="6879586" y="4816915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617" name="OTLSHAPE_M_0ce495fa8bc04e0f92458dd977c450d4_Title"/>
          <p:cNvSpPr txBox="1"/>
          <p:nvPr>
            <p:custDataLst>
              <p:tags r:id="rId110"/>
            </p:custDataLst>
          </p:nvPr>
        </p:nvSpPr>
        <p:spPr>
          <a:xfrm>
            <a:off x="7880402" y="3660426"/>
            <a:ext cx="2667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mtClean="0">
                <a:solidFill>
                  <a:srgbClr val="E5C033"/>
                </a:solidFill>
                <a:latin typeface="Calibri" panose="020F0502020204030204" pitchFamily="34" charset="0"/>
              </a:rPr>
              <a:t>Akimov &amp; Toptunov start manually turning valves to feed water into Reactor 4</a:t>
            </a:r>
            <a:endParaRPr lang="ro-RO" sz="1200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618" name="OTLSHAPE_M_0ce495fa8bc04e0f92458dd977c450d4_Date"/>
          <p:cNvSpPr txBox="1"/>
          <p:nvPr>
            <p:custDataLst>
              <p:tags r:id="rId111"/>
            </p:custDataLst>
          </p:nvPr>
        </p:nvSpPr>
        <p:spPr>
          <a:xfrm>
            <a:off x="7880402" y="3480001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6:00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619" name="OTLSHAPE_M_0ce495fa8bc04e0f92458dd977c450d4_Shape"/>
          <p:cNvSpPr/>
          <p:nvPr>
            <p:custDataLst>
              <p:tags r:id="rId112"/>
            </p:custDataLst>
          </p:nvPr>
        </p:nvSpPr>
        <p:spPr>
          <a:xfrm rot="16200000">
            <a:off x="7747052" y="3680069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5620" name="OTLSHAPE_M_76d9a456c0a64a44a84148636d816a90_Title"/>
          <p:cNvSpPr txBox="1"/>
          <p:nvPr>
            <p:custDataLst>
              <p:tags r:id="rId113"/>
            </p:custDataLst>
          </p:nvPr>
        </p:nvSpPr>
        <p:spPr>
          <a:xfrm>
            <a:off x="8343050" y="5305221"/>
            <a:ext cx="215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dirty="0" smtClean="0">
                <a:solidFill>
                  <a:srgbClr val="E5C033"/>
                </a:solidFill>
                <a:latin typeface="Calibri" panose="020F0502020204030204" pitchFamily="34" charset="0"/>
              </a:rPr>
              <a:t>New shifts clock on at all four units</a:t>
            </a:r>
            <a:endParaRPr lang="ro-RO" sz="1200" spc="-4" dirty="0">
              <a:solidFill>
                <a:srgbClr val="E5C033"/>
              </a:solidFill>
              <a:latin typeface="Calibri" panose="020F0502020204030204" pitchFamily="34" charset="0"/>
            </a:endParaRPr>
          </a:p>
        </p:txBody>
      </p:sp>
      <p:sp>
        <p:nvSpPr>
          <p:cNvPr id="15621" name="OTLSHAPE_M_76d9a456c0a64a44a84148636d816a90_Date"/>
          <p:cNvSpPr txBox="1"/>
          <p:nvPr>
            <p:custDataLst>
              <p:tags r:id="rId114"/>
            </p:custDataLst>
          </p:nvPr>
        </p:nvSpPr>
        <p:spPr>
          <a:xfrm>
            <a:off x="8343050" y="512479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smtClean="0">
                <a:solidFill>
                  <a:srgbClr val="EFD07F"/>
                </a:solidFill>
                <a:latin typeface="Calibri" panose="020F0502020204030204" pitchFamily="34" charset="0"/>
              </a:rPr>
              <a:t>Apr 26, 8:00 am</a:t>
            </a:r>
            <a:endParaRPr lang="ro-RO" sz="1000" spc="-4">
              <a:solidFill>
                <a:srgbClr val="EFD07F"/>
              </a:solidFill>
              <a:latin typeface="Calibri" panose="020F0502020204030204" pitchFamily="34" charset="0"/>
            </a:endParaRPr>
          </a:p>
        </p:txBody>
      </p:sp>
      <p:sp>
        <p:nvSpPr>
          <p:cNvPr id="15622" name="OTLSHAPE_M_76d9a456c0a64a44a84148636d816a90_Shape"/>
          <p:cNvSpPr/>
          <p:nvPr>
            <p:custDataLst>
              <p:tags r:id="rId115"/>
            </p:custDataLst>
          </p:nvPr>
        </p:nvSpPr>
        <p:spPr>
          <a:xfrm rot="16200000">
            <a:off x="8209700" y="5231836"/>
            <a:ext cx="101600" cy="101600"/>
          </a:xfrm>
          <a:prstGeom prst="flowChartMerge">
            <a:avLst/>
          </a:prstGeom>
          <a:solidFill>
            <a:srgbClr val="EFD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146983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y4wMy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ksIkciOjIwOCwiQiI6MTI3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ksIkciOjIwOCwiQiI6MTI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0LCJGb250TmFtZSI6IkNhbGlicmkiLCJJc0JvbGQiOnRydWUsIklzSXRhbGljIjpmYWxzZSwiSXNVbmRlcmxpbmVkIjpmYWxzZSwiUGFyZW50U3R5bGUiOm51bGx9LCJBdXRvU2l6ZSI6MCwiRm9yZWdyb3VuZCI6eyIkaWQiOiI0NCIsIkNvbG9yIjp7IiRpZCI6IjQ1IiwiQSI6MjU1LCJSIjoyMzksIkciOjIwOCwiQiI6MTI3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IzOSwiRyI6MjA4LCJCIjoxMjd9fSwiTGluZVdlaWdodCI6MS4wLCJMaW5lVHlwZSI6MCwiUGFyZW50U3R5bGUiOm51bGx9LCJJc0JlbG93VGltZWJhbmQiOmZhbHNlLCJIaWRlRGF0ZSI6ZmFsc2UsIlNoYXBlU2l6ZSI6MC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IzOSwiRyI6MjA4LCJCIjoxMjd9fSwiSXNWaXNpYmxlIjp0cnVlLCJXaWR0aCI6MTIuMCwiSGVpZ2h0IjoxNC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zNi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MC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M2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zNi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7IiRyZWYiOiI3NS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3NSJ9LCJJc1Zpc2libGUiOnRydWUsIldpZHRoIjowLjAsIkhlaWdodCI6MC4wLCJCb3JkZXJTdHlsZSI6eyIkaWQiOiIxNjkiLCJMaW5lQ29sb3IiOm51bGwsIkxpbmVXZWlnaHQiOjAuMCwiTGluZVR5cGUiOjAsIlBhcmVudFN0eWxlIjpudWxsfSwiUGFyZW50U3R5bGUiOm51bGx9LCJEYXRlU3R5bGUiOnsiJGlkIjoiMTcwIiwiRm9udFNldHRpbmdzIjp7IiRpZCI6IjE3MS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gy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c1In0sIklzVmlzaWJsZSI6dHJ1ZSwiV2lkdGgiOjAuMCwiSGVpZ2h0IjowLjAsIkJvcmRlclN0eWxlIjp7IiRpZCI6IjIxMyIsIkxpbmVDb2xvciI6bnVsbCwiTGluZVdlaWdodCI6MC4wLCJMaW5lVHlwZSI6MCwiUGFyZW50U3R5bGUiOm51bGx9LCJQYXJlbnRTdHlsZSI6bnVsbH0sIkRhdGVTdHlsZSI6eyIkaWQiOiIyMTQiLCJGb250U2V0dGluZ3MiOnsiJGlkIjoiMjE1IiwiRm9udFNpemUiOjEw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3NS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yNzgiLCJMaW5lQ29sb3IiOm51bGwsIkxpbmVXZWlnaHQiOjAuMCwiTGluZVR5cGUiOjAsIlBhcmVudFN0eWxlIjpudWxsfS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kzIiwiTGluZUNvbG9yIjpudWxsLCJMaW5lV2VpZ2h0IjowLjAsIkxpbmVUeXBlIjowLCJQYXJlbnRTdHlsZSI6bnVsbH0sIlBhcmVudFN0eWxlIjpudWxsfSwiRGF0ZVN0eWxlIjp7IiRpZCI6IjI5NCIsIkZvbnRTZXR0aW5ncyI6eyIkaWQiOiIyOTUiLCJGb250U2l6ZSI6MTA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zMDgiLCJMaW5lQ29sb3IiOm51bGwsIkxpbmVXZWlnaHQiOjAuMCwiTGluZVR5cGUiOjAsIlBhcmVudFN0eWxlIjpudWxsfSwiUGFyZW50U3R5bGUiOm51bGx9LCJEYXRlU3R5bGUiOnsiJGlkIjoiMzA5IiwiRm9udFNldHRpbmdzIjp7IiRpZCI6IjMxMC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zIzIiwiTGluZUNvbG9yIjpudWxsLCJMaW5lV2VpZ2h0IjowLjAsIkxpbmVUeXBlIjowLCJQYXJlbnRTdHlsZSI6bnVsbH0sIlBhcmVudFN0eWxlIjpudWxsfSwiRGF0ZVN0eWxlIjp7IiRpZCI6IjMyNCIsIkZvbnRTZXR0aW5ncyI6eyIkaWQiOiIzMjUiLCJGb250U2l6ZSI6MTA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zM4IiwiTGluZUNvbG9yIjpudWxsLCJMaW5lV2VpZ2h0IjowLjAsIkxpbmVUeXBlIjowLCJQYXJlbnRTdHlsZSI6bnVsbH0sIlBhcmVudFN0eWxlIjpudWxsfSwiRGF0ZVN0eWxlIjp7IiRpZCI6IjMzOSIsIkZvbnRTZXR0aW5ncyI6eyIkaWQiOiIzNDAiLCJGb250U2l6ZSI6MTA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ODkiLCJVc2VUaW1lIjp0cnV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5</Words>
  <Application>Microsoft Office PowerPoint</Application>
  <PresentationFormat>Widescreen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7-10T14:14:37Z</dcterms:created>
  <dcterms:modified xsi:type="dcterms:W3CDTF">2019-07-11T06:23:20Z</dcterms:modified>
</cp:coreProperties>
</file>